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gend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1EB5866F-8BC3-1CFA-1603-D4CDEA5F7DA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0115" y="5038725"/>
            <a:ext cx="2482248" cy="154892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F4DD838D-0BBE-08C7-57A9-3084418936A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2384" y="4265909"/>
            <a:ext cx="1650627" cy="102999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16T12:42:53Z</dcterms:modified>
</cp:coreProperties>
</file>